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684A351" w:rsidR="009000CE" w:rsidRDefault="001824DE" w:rsidP="00ED34AE">
                <w:pPr>
                  <w:pStyle w:val="Title"/>
                </w:pPr>
                <w:r>
                  <w:t>&lt; Accident Data User Interface (Placeholder)&gt; Executive Summary</w:t>
                </w:r>
              </w:p>
            </w:sdtContent>
          </w:sdt>
        </w:tc>
      </w:tr>
      <w:tr w:rsidR="009000CE" w14:paraId="70FBC1D6" w14:textId="77777777">
        <w:trPr>
          <w:trHeight w:val="6705"/>
        </w:trPr>
        <w:tc>
          <w:tcPr>
            <w:tcW w:w="9350" w:type="dxa"/>
            <w:vAlign w:val="bottom"/>
          </w:tcPr>
          <w:p w14:paraId="08BDC438" w14:textId="74ECB7C7" w:rsidR="009000CE" w:rsidRDefault="00000000">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1824DE" w:rsidRPr="001824DE">
                  <w:rPr>
                    <w:lang w:val="en-AU" w:eastAsia="en-US"/>
                  </w:rPr>
                  <w:t>Lambert Niyuhire, Cody Perkins, Mitchell Reid</w:t>
                </w:r>
              </w:sdtContent>
            </w:sdt>
          </w:p>
          <w:p w14:paraId="731D4453" w14:textId="77777777" w:rsidR="009000CE" w:rsidRDefault="00184AA9">
            <w:pPr>
              <w:pStyle w:val="Heading3"/>
            </w:pPr>
            <w:r>
              <w:t>2810ICT Software Technologies</w:t>
            </w:r>
          </w:p>
          <w:p w14:paraId="44D315E5" w14:textId="3AAF53B5" w:rsidR="009000CE" w:rsidRDefault="00000000"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Content>
                <w:r w:rsidR="001824DE">
                  <w:t>August 21,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24B2C82A" w:rsidR="009000CE" w:rsidRDefault="000E3308" w:rsidP="00184AA9">
      <w:pPr>
        <w:ind w:left="0"/>
      </w:pPr>
      <w:r w:rsidRPr="000E3308">
        <w:t xml:space="preserve">The Accident Data User Interface project offers a complete solution for the administration and analysis of accident data within designated time frames. The project was started with a </w:t>
      </w:r>
      <w:r w:rsidR="009E544E" w:rsidRPr="000E3308">
        <w:t>well-articulated</w:t>
      </w:r>
      <w:r w:rsidRPr="000E3308">
        <w:t xml:space="preserve"> project plan, with the primary goal being the creation of a user-friendly interface bolstered by a well-structured and readily accessible system. Significant importance was given to the visual aesthetics, with a predominant emphasis on efficiently communicating information via </w:t>
      </w:r>
      <w:r w:rsidR="009E544E" w:rsidRPr="000E3308">
        <w:t>well-arranged</w:t>
      </w:r>
      <w:r w:rsidRPr="000E3308">
        <w:t xml:space="preserve"> layouts, icons, and visual components. The software underwent a series of stringent investigations to ascertain its alignment with user requirements. The comprehensive nature of the Work Breakdown Structure (WBS) enabled the efficient delineation of tasks and accurate estimation of time.</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w:t>
      </w:r>
      <w:proofErr w:type="gramStart"/>
      <w:r w:rsidR="00ED34AE" w:rsidRPr="00ED34AE">
        <w:rPr>
          <w:color w:val="FF0000"/>
        </w:rPr>
        <w:t>performed</w:t>
      </w:r>
      <w:proofErr w:type="gramEnd"/>
    </w:p>
    <w:p w14:paraId="2E9E7FA4" w14:textId="1E08B082" w:rsidR="002D4235" w:rsidRPr="009E544E" w:rsidRDefault="009E544E" w:rsidP="002D4235">
      <w:pPr>
        <w:rPr>
          <w:rStyle w:val="Heading1Char"/>
          <w:rFonts w:asciiTheme="minorHAnsi" w:hAnsiTheme="minorHAnsi"/>
          <w:sz w:val="22"/>
          <w:szCs w:val="22"/>
        </w:rPr>
      </w:pPr>
      <w:r w:rsidRPr="009E544E">
        <w:rPr>
          <w:rStyle w:val="Heading1Char"/>
          <w:rFonts w:asciiTheme="minorHAnsi" w:hAnsiTheme="minorHAnsi"/>
          <w:b w:val="0"/>
          <w:color w:val="000000" w:themeColor="text1"/>
          <w:sz w:val="22"/>
          <w:szCs w:val="22"/>
        </w:rPr>
        <w:t>This study sheds light on the creation, design, and analysis of the Accident Data User Interface project, from its origin to its present condition as of August 2023. The paper begins by discussing the genesis of the project and continues on to its current state. It dives into the numerous analytical tasks that were carried out as well as the approaches that were used throughout the stages of its design and development.</w:t>
      </w:r>
      <w:r w:rsidR="002D4235" w:rsidRPr="009E544E">
        <w:rPr>
          <w:rStyle w:val="Heading1Char"/>
          <w:rFonts w:asciiTheme="minorHAnsi" w:hAnsiTheme="minorHAnsi"/>
          <w:b w:val="0"/>
          <w:sz w:val="22"/>
          <w:szCs w:val="22"/>
        </w:rPr>
        <w:br w:type="page"/>
      </w:r>
    </w:p>
    <w:p w14:paraId="70C814E0" w14:textId="34FFB0E6" w:rsidR="009000CE" w:rsidRPr="00184AA9" w:rsidRDefault="00ED34AE" w:rsidP="00184AA9">
      <w:pPr>
        <w:pStyle w:val="Heading1"/>
      </w:pPr>
      <w:r>
        <w:rPr>
          <w:rStyle w:val="Heading1Char"/>
          <w:b/>
        </w:rPr>
        <w:lastRenderedPageBreak/>
        <w:t>Analysis 1 &lt;</w:t>
      </w:r>
      <w:r w:rsidR="009E544E">
        <w:rPr>
          <w:rStyle w:val="Heading1Char"/>
          <w:b/>
        </w:rPr>
        <w:t>Work Breakdown Structure</w:t>
      </w:r>
      <w:r>
        <w:rPr>
          <w:rStyle w:val="Heading1Char"/>
          <w:b/>
        </w:rPr>
        <w:t>&gt;</w:t>
      </w:r>
    </w:p>
    <w:p w14:paraId="46D5CE62" w14:textId="51030844" w:rsidR="009000C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w:t>
      </w:r>
      <w:proofErr w:type="gramStart"/>
      <w:r w:rsidR="00ED34AE" w:rsidRPr="00ED34AE">
        <w:rPr>
          <w:color w:val="FF0000"/>
        </w:rPr>
        <w:t>12 month</w:t>
      </w:r>
      <w:proofErr w:type="gramEnd"/>
      <w:r w:rsidR="00ED34AE" w:rsidRPr="00ED34AE">
        <w:rPr>
          <w:color w:val="FF0000"/>
        </w:rPr>
        <w:t xml:space="preserve">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D113AC7" w14:textId="029A2623" w:rsidR="009E544E" w:rsidRPr="009E544E" w:rsidRDefault="009E544E" w:rsidP="00184AA9">
      <w:pPr>
        <w:rPr>
          <w:color w:val="000000" w:themeColor="text1"/>
        </w:rPr>
      </w:pPr>
      <w:r w:rsidRPr="009E544E">
        <w:rPr>
          <w:color w:val="000000" w:themeColor="text1"/>
        </w:rPr>
        <w:t>A WBS that was structured hierarchically was able to guarantee that all project activities, from the phase of gathering data to the phase of testing, were properly accounted for. This framework played a crucial role in defining tasks and calculating time limits, which resulted in the creation of a comprehensive Gantt chart to monitor progress.</w:t>
      </w:r>
    </w:p>
    <w:p w14:paraId="6A7BD116" w14:textId="68BA7986" w:rsidR="00ED34AE" w:rsidRDefault="00ED34AE" w:rsidP="00ED34AE">
      <w:pPr>
        <w:pStyle w:val="Heading1"/>
        <w:rPr>
          <w:rStyle w:val="Heading1Char"/>
          <w:b/>
        </w:rPr>
      </w:pPr>
      <w:r>
        <w:rPr>
          <w:rStyle w:val="Heading1Char"/>
          <w:b/>
        </w:rPr>
        <w:t>Analysis 2 &lt;</w:t>
      </w:r>
      <w:r w:rsidR="00A3440D">
        <w:rPr>
          <w:rStyle w:val="Heading1Char"/>
          <w:b/>
        </w:rPr>
        <w:t>Interface Structure and Information Layout</w:t>
      </w:r>
      <w:r>
        <w:rPr>
          <w:rStyle w:val="Heading1Char"/>
          <w:b/>
        </w:rPr>
        <w:t>&gt;</w:t>
      </w:r>
    </w:p>
    <w:p w14:paraId="5B925DB0" w14:textId="430FFEDC" w:rsidR="00A3440D" w:rsidRPr="00A3440D" w:rsidRDefault="00A3440D" w:rsidP="00A3440D">
      <w:r w:rsidRPr="00A3440D">
        <w:t xml:space="preserve">The project put an emphasis on the user experience by developing a user interface that was </w:t>
      </w:r>
      <w:r w:rsidRPr="00A3440D">
        <w:t>organized</w:t>
      </w:r>
      <w:r w:rsidRPr="00A3440D">
        <w:t xml:space="preserve"> and easy to navigate. The layout is user-friendly, which enables users to move through the accident data in a fluid manner. This is backed by a hierarchy that is well-justified.</w:t>
      </w:r>
    </w:p>
    <w:p w14:paraId="2B11177A" w14:textId="75BD6A32" w:rsidR="00ED34AE" w:rsidRDefault="00ED34AE" w:rsidP="00ED34AE">
      <w:pPr>
        <w:pStyle w:val="Heading1"/>
        <w:rPr>
          <w:rStyle w:val="Heading1Char"/>
          <w:b/>
        </w:rPr>
      </w:pPr>
      <w:r>
        <w:rPr>
          <w:rStyle w:val="Heading1Char"/>
          <w:b/>
        </w:rPr>
        <w:t>Analysis 3 &lt;</w:t>
      </w:r>
      <w:r w:rsidR="00A3440D">
        <w:rPr>
          <w:rStyle w:val="Heading1Char"/>
          <w:b/>
        </w:rPr>
        <w:t>Visual Design and Elements</w:t>
      </w:r>
      <w:r>
        <w:rPr>
          <w:rStyle w:val="Heading1Char"/>
          <w:b/>
        </w:rPr>
        <w:t>&gt;</w:t>
      </w:r>
    </w:p>
    <w:p w14:paraId="3E2D033A" w14:textId="77777777" w:rsidR="00A3440D" w:rsidRPr="00A3440D" w:rsidRDefault="00A3440D" w:rsidP="00A3440D">
      <w:r w:rsidRPr="00A3440D">
        <w:t>The selection of layouts, visual components, and visuals demonstrated a clear focus on aesthetics. Wireframes and mockups were used in the design process, resulting in the development of an interface that has both practical and aesthetically pleasing qualities.</w:t>
      </w:r>
    </w:p>
    <w:p w14:paraId="40929ACE" w14:textId="77777777" w:rsidR="00A3440D" w:rsidRPr="00A3440D" w:rsidRDefault="00A3440D" w:rsidP="00A3440D"/>
    <w:p w14:paraId="49BE7F08" w14:textId="1DCCC94B" w:rsidR="00ED34AE" w:rsidRDefault="00ED34AE" w:rsidP="00ED34AE">
      <w:pPr>
        <w:pStyle w:val="Heading1"/>
        <w:rPr>
          <w:rStyle w:val="Heading1Char"/>
          <w:b/>
        </w:rPr>
      </w:pPr>
      <w:r>
        <w:rPr>
          <w:rStyle w:val="Heading1Char"/>
          <w:b/>
        </w:rPr>
        <w:lastRenderedPageBreak/>
        <w:t>Analysis 4 &lt;</w:t>
      </w:r>
      <w:r w:rsidR="00A3440D">
        <w:rPr>
          <w:rStyle w:val="Heading1Char"/>
          <w:b/>
        </w:rPr>
        <w:t>Project Milestones and Timeframes</w:t>
      </w:r>
      <w:r>
        <w:rPr>
          <w:rStyle w:val="Heading1Char"/>
          <w:b/>
        </w:rPr>
        <w:t>&gt;</w:t>
      </w:r>
    </w:p>
    <w:p w14:paraId="25B6EE9A" w14:textId="14584C64" w:rsidR="00A3440D" w:rsidRPr="00A3440D" w:rsidRDefault="006640FE" w:rsidP="00A3440D">
      <w:r w:rsidRPr="006640FE">
        <w:t>In accordance with the Work Breakdown Structure (WBS), every project activity was clearly delineated and correspondingly included into a Gantt chart, so guaranteeing the timely achievement of milestones within the designated time periods.</w:t>
      </w:r>
    </w:p>
    <w:p w14:paraId="63C58427" w14:textId="53334B04" w:rsidR="00ED34AE" w:rsidRDefault="00ED34AE" w:rsidP="00ED34AE">
      <w:pPr>
        <w:pStyle w:val="Heading1"/>
        <w:rPr>
          <w:rStyle w:val="Heading1Char"/>
          <w:b/>
        </w:rPr>
      </w:pPr>
      <w:r>
        <w:rPr>
          <w:rStyle w:val="Heading1Char"/>
          <w:b/>
        </w:rPr>
        <w:t>Analysis 5 &lt;</w:t>
      </w:r>
      <w:r w:rsidR="006640FE">
        <w:rPr>
          <w:rStyle w:val="Heading1Char"/>
          <w:b/>
        </w:rPr>
        <w:t>Design Justification</w:t>
      </w:r>
      <w:r>
        <w:rPr>
          <w:rStyle w:val="Heading1Char"/>
          <w:b/>
        </w:rPr>
        <w:t>&gt;</w:t>
      </w:r>
    </w:p>
    <w:p w14:paraId="02B0726E" w14:textId="3C1DA08C" w:rsidR="006640FE" w:rsidRPr="006640FE" w:rsidRDefault="006640FE" w:rsidP="006640FE">
      <w:r w:rsidRPr="006640FE">
        <w:t>The logic behind each design decision, including the interface structure and aesthetic aspects, was driven by a focus on user experience and functional effectiveness.</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1E875E1" w14:textId="77777777" w:rsidR="00051A8E" w:rsidRDefault="00051A8E">
      <w:pPr>
        <w:spacing w:after="0" w:line="240" w:lineRule="auto"/>
      </w:pPr>
      <w:r>
        <w:separator/>
      </w:r>
    </w:p>
  </w:endnote>
  <w:endnote w:type="continuationSeparator" w:id="0">
    <w:p w14:paraId="7D81290C" w14:textId="77777777" w:rsidR="00051A8E" w:rsidRDefault="00051A8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61A444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p>
      </w:tc>
      <w:tc>
        <w:tcPr>
          <w:tcW w:w="4675" w:type="dxa"/>
        </w:tcPr>
        <w:p w14:paraId="66753B50" w14:textId="21CA19AE"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6640FE">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4422430"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1824DE">
          <w:t>&lt; Accident Data User Interface (Placeholder)&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C8054AE" w14:textId="77777777" w:rsidR="00051A8E" w:rsidRDefault="00051A8E">
      <w:pPr>
        <w:spacing w:after="0" w:line="240" w:lineRule="auto"/>
      </w:pPr>
      <w:r>
        <w:separator/>
      </w:r>
    </w:p>
  </w:footnote>
  <w:footnote w:type="continuationSeparator" w:id="0">
    <w:p w14:paraId="5EC15C72" w14:textId="77777777" w:rsidR="00051A8E" w:rsidRDefault="00051A8E">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2"/>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51A8E"/>
    <w:rsid w:val="000E3308"/>
    <w:rsid w:val="001824DE"/>
    <w:rsid w:val="00184AA9"/>
    <w:rsid w:val="001A49FA"/>
    <w:rsid w:val="002D4235"/>
    <w:rsid w:val="006640FE"/>
    <w:rsid w:val="009000CE"/>
    <w:rsid w:val="0097144C"/>
    <w:rsid w:val="009E544E"/>
    <w:rsid w:val="00A3440D"/>
    <w:rsid w:val="00AD07E1"/>
    <w:rsid w:val="00AE0CAF"/>
    <w:rsid w:val="00DD0ACF"/>
    <w:rsid w:val="00ED34AE"/>
    <w:rsid w:val="00EF1F30"/>
    <w:rsid w:val="00FC6AE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5183A"/>
    <w:rsid w:val="00783E12"/>
    <w:rsid w:val="00854693"/>
    <w:rsid w:val="00A87883"/>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42</TotalTime>
  <Pages>5</Pages>
  <Words>500</Words>
  <Characters>2854</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334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 (Placeholder)&gt; Executive Summary</dc:title>
  <dc:creator>Lambert Niyuhire, Cody Perkins, Mitchell Reid</dc:creator>
  <cp:keywords/>
  <cp:lastModifiedBy>Lambert Niyuhire</cp:lastModifiedBy>
  <cp:revision>8</cp:revision>
  <dcterms:created xsi:type="dcterms:W3CDTF">2017-08-28T03:16:00Z</dcterms:created>
  <dcterms:modified xsi:type="dcterms:W3CDTF">2023-08-31T03:2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